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４.　財政\ＸＬＳ\"/>
    </mc:Choice>
  </mc:AlternateContent>
  <bookViews>
    <workbookView xWindow="0" yWindow="0" windowWidth="20490" windowHeight="7185"/>
  </bookViews>
  <sheets>
    <sheet name="保健事業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保健事業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4" uniqueCount="62">
  <si>
    <t>保険者名</t>
  </si>
  <si>
    <t>24年度</t>
    <phoneticPr fontId="7"/>
  </si>
  <si>
    <t>25年度</t>
    <phoneticPr fontId="7"/>
  </si>
  <si>
    <t>26年度</t>
    <phoneticPr fontId="7"/>
  </si>
  <si>
    <t>27年度</t>
    <phoneticPr fontId="7"/>
  </si>
  <si>
    <t>28年度</t>
    <phoneticPr fontId="7"/>
  </si>
  <si>
    <t>金額</t>
  </si>
  <si>
    <t>順</t>
  </si>
  <si>
    <t>23→24</t>
  </si>
  <si>
    <t>24→25</t>
    <phoneticPr fontId="7"/>
  </si>
  <si>
    <t>25→26</t>
  </si>
  <si>
    <t>26→27</t>
    <phoneticPr fontId="7"/>
  </si>
  <si>
    <t>27→28</t>
    <phoneticPr fontId="7"/>
  </si>
  <si>
    <t>（円）</t>
  </si>
  <si>
    <t>伸率%</t>
  </si>
  <si>
    <t>位</t>
    <phoneticPr fontId="7"/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>－</t>
  </si>
  <si>
    <t xml:space="preserve"> 真鶴町</t>
  </si>
  <si>
    <t xml:space="preserve"> 湯河原町</t>
  </si>
  <si>
    <t xml:space="preserve"> 愛川町</t>
  </si>
  <si>
    <t xml:space="preserve"> 清川村</t>
  </si>
  <si>
    <t>－</t>
    <phoneticPr fontId="7"/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  <phoneticPr fontId="9"/>
  </si>
  <si>
    <t>組 合 平 均</t>
    <phoneticPr fontId="7"/>
  </si>
  <si>
    <t>県    平    均</t>
    <phoneticPr fontId="7"/>
  </si>
  <si>
    <t>４.財政（１）　一人当たり保健事業費の推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_);[Red]\(#,##0\)"/>
    <numFmt numFmtId="177" formatCode="0_);[Red]\(0\)"/>
    <numFmt numFmtId="178" formatCode="0.00_ "/>
    <numFmt numFmtId="179" formatCode="#,##0.00_ "/>
  </numFmts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45">
    <xf numFmtId="0" fontId="0" fillId="0" borderId="0" xfId="0"/>
    <xf numFmtId="38" fontId="4" fillId="0" borderId="0" xfId="1" applyFont="1"/>
    <xf numFmtId="38" fontId="5" fillId="0" borderId="0" xfId="1" quotePrefix="1" applyFont="1"/>
    <xf numFmtId="38" fontId="6" fillId="0" borderId="0" xfId="1" applyFont="1" applyBorder="1" applyAlignment="1">
      <alignment horizontal="center"/>
    </xf>
    <xf numFmtId="38" fontId="4" fillId="0" borderId="0" xfId="1" applyFont="1" applyAlignment="1">
      <alignment vertical="center"/>
    </xf>
    <xf numFmtId="38" fontId="4" fillId="0" borderId="9" xfId="1" applyFont="1" applyBorder="1" applyAlignment="1">
      <alignment horizontal="center"/>
    </xf>
    <xf numFmtId="38" fontId="4" fillId="0" borderId="11" xfId="1" quotePrefix="1" applyFont="1" applyBorder="1" applyAlignment="1">
      <alignment horizontal="center"/>
    </xf>
    <xf numFmtId="38" fontId="4" fillId="0" borderId="10" xfId="1" applyFont="1" applyBorder="1" applyAlignment="1">
      <alignment horizontal="center"/>
    </xf>
    <xf numFmtId="38" fontId="4" fillId="0" borderId="12" xfId="1" applyFont="1" applyBorder="1" applyAlignment="1">
      <alignment horizontal="center"/>
    </xf>
    <xf numFmtId="38" fontId="4" fillId="0" borderId="0" xfId="1" quotePrefix="1" applyFont="1" applyBorder="1" applyAlignment="1">
      <alignment horizontal="center"/>
    </xf>
    <xf numFmtId="38" fontId="4" fillId="0" borderId="14" xfId="1" quotePrefix="1" applyFont="1" applyBorder="1" applyAlignment="1">
      <alignment horizontal="center"/>
    </xf>
    <xf numFmtId="38" fontId="4" fillId="0" borderId="17" xfId="1" quotePrefix="1" applyFont="1" applyBorder="1" applyAlignment="1">
      <alignment horizontal="center"/>
    </xf>
    <xf numFmtId="38" fontId="4" fillId="0" borderId="21" xfId="1" applyFont="1" applyBorder="1" applyAlignment="1">
      <alignment horizontal="center"/>
    </xf>
    <xf numFmtId="38" fontId="4" fillId="0" borderId="20" xfId="1" applyFont="1" applyBorder="1" applyAlignment="1">
      <alignment horizontal="center"/>
    </xf>
    <xf numFmtId="38" fontId="4" fillId="0" borderId="22" xfId="1" applyFont="1" applyBorder="1" applyAlignment="1">
      <alignment horizontal="center"/>
    </xf>
    <xf numFmtId="38" fontId="4" fillId="0" borderId="23" xfId="1" applyFont="1" applyBorder="1" applyAlignment="1">
      <alignment horizontal="center"/>
    </xf>
    <xf numFmtId="38" fontId="4" fillId="0" borderId="24" xfId="1" applyFont="1" applyBorder="1" applyAlignment="1">
      <alignment horizontal="center"/>
    </xf>
    <xf numFmtId="38" fontId="4" fillId="0" borderId="25" xfId="1" applyFont="1" applyBorder="1" applyAlignment="1">
      <alignment horizontal="center"/>
    </xf>
    <xf numFmtId="38" fontId="4" fillId="0" borderId="26" xfId="1" applyFont="1" applyBorder="1" applyAlignment="1">
      <alignment horizontal="center"/>
    </xf>
    <xf numFmtId="38" fontId="4" fillId="0" borderId="7" xfId="1" applyFont="1" applyBorder="1"/>
    <xf numFmtId="38" fontId="8" fillId="0" borderId="27" xfId="1" applyFont="1" applyBorder="1"/>
    <xf numFmtId="38" fontId="4" fillId="0" borderId="28" xfId="1" applyFont="1" applyFill="1" applyBorder="1"/>
    <xf numFmtId="38" fontId="4" fillId="0" borderId="31" xfId="1" applyFont="1" applyFill="1" applyBorder="1"/>
    <xf numFmtId="176" fontId="4" fillId="0" borderId="30" xfId="1" applyNumberFormat="1" applyFont="1" applyFill="1" applyBorder="1"/>
    <xf numFmtId="177" fontId="4" fillId="0" borderId="32" xfId="1" applyNumberFormat="1" applyFont="1" applyFill="1" applyBorder="1"/>
    <xf numFmtId="176" fontId="4" fillId="0" borderId="31" xfId="1" applyNumberFormat="1" applyFont="1" applyFill="1" applyBorder="1"/>
    <xf numFmtId="177" fontId="4" fillId="0" borderId="30" xfId="1" applyNumberFormat="1" applyFont="1" applyFill="1" applyBorder="1"/>
    <xf numFmtId="38" fontId="4" fillId="0" borderId="30" xfId="2" applyFont="1" applyFill="1" applyBorder="1"/>
    <xf numFmtId="38" fontId="4" fillId="0" borderId="28" xfId="2" applyFont="1" applyFill="1" applyBorder="1"/>
    <xf numFmtId="38" fontId="4" fillId="0" borderId="31" xfId="2" applyNumberFormat="1" applyFont="1" applyFill="1" applyBorder="1"/>
    <xf numFmtId="38" fontId="4" fillId="0" borderId="30" xfId="2" applyNumberFormat="1" applyFont="1" applyFill="1" applyBorder="1"/>
    <xf numFmtId="38" fontId="4" fillId="0" borderId="34" xfId="1" applyFont="1" applyBorder="1"/>
    <xf numFmtId="38" fontId="8" fillId="0" borderId="35" xfId="1" applyFont="1" applyBorder="1"/>
    <xf numFmtId="38" fontId="4" fillId="0" borderId="36" xfId="1" applyFont="1" applyFill="1" applyBorder="1"/>
    <xf numFmtId="38" fontId="4" fillId="0" borderId="39" xfId="1" applyFont="1" applyFill="1" applyBorder="1"/>
    <xf numFmtId="176" fontId="4" fillId="0" borderId="41" xfId="1" applyNumberFormat="1" applyFont="1" applyFill="1" applyBorder="1"/>
    <xf numFmtId="177" fontId="4" fillId="0" borderId="40" xfId="1" applyNumberFormat="1" applyFont="1" applyFill="1" applyBorder="1"/>
    <xf numFmtId="176" fontId="4" fillId="0" borderId="39" xfId="1" applyNumberFormat="1" applyFont="1" applyFill="1" applyBorder="1"/>
    <xf numFmtId="177" fontId="4" fillId="0" borderId="41" xfId="1" applyNumberFormat="1" applyFont="1" applyFill="1" applyBorder="1"/>
    <xf numFmtId="38" fontId="4" fillId="0" borderId="38" xfId="2" applyFont="1" applyFill="1" applyBorder="1"/>
    <xf numFmtId="38" fontId="4" fillId="0" borderId="36" xfId="2" applyFont="1" applyFill="1" applyBorder="1"/>
    <xf numFmtId="38" fontId="4" fillId="0" borderId="39" xfId="2" applyNumberFormat="1" applyFont="1" applyFill="1" applyBorder="1"/>
    <xf numFmtId="38" fontId="4" fillId="0" borderId="41" xfId="2" applyNumberFormat="1" applyFont="1" applyFill="1" applyBorder="1"/>
    <xf numFmtId="38" fontId="4" fillId="0" borderId="22" xfId="1" applyFont="1" applyFill="1" applyBorder="1"/>
    <xf numFmtId="38" fontId="4" fillId="0" borderId="21" xfId="1" applyFont="1" applyFill="1" applyBorder="1"/>
    <xf numFmtId="176" fontId="4" fillId="0" borderId="24" xfId="1" applyNumberFormat="1" applyFont="1" applyFill="1" applyBorder="1"/>
    <xf numFmtId="177" fontId="4" fillId="0" borderId="25" xfId="1" applyNumberFormat="1" applyFont="1" applyFill="1" applyBorder="1"/>
    <xf numFmtId="176" fontId="4" fillId="0" borderId="21" xfId="1" applyNumberFormat="1" applyFont="1" applyFill="1" applyBorder="1"/>
    <xf numFmtId="177" fontId="4" fillId="0" borderId="24" xfId="1" applyNumberFormat="1" applyFont="1" applyFill="1" applyBorder="1"/>
    <xf numFmtId="38" fontId="4" fillId="0" borderId="24" xfId="2" applyFont="1" applyFill="1" applyBorder="1"/>
    <xf numFmtId="38" fontId="4" fillId="0" borderId="22" xfId="2" applyFont="1" applyFill="1" applyBorder="1"/>
    <xf numFmtId="38" fontId="4" fillId="0" borderId="21" xfId="2" applyNumberFormat="1" applyFont="1" applyFill="1" applyBorder="1"/>
    <xf numFmtId="38" fontId="4" fillId="0" borderId="24" xfId="2" applyNumberFormat="1" applyFont="1" applyFill="1" applyBorder="1"/>
    <xf numFmtId="176" fontId="4" fillId="0" borderId="30" xfId="1" quotePrefix="1" applyNumberFormat="1" applyFont="1" applyFill="1" applyBorder="1" applyAlignment="1">
      <alignment horizontal="right"/>
    </xf>
    <xf numFmtId="177" fontId="4" fillId="0" borderId="32" xfId="1" quotePrefix="1" applyNumberFormat="1" applyFont="1" applyFill="1" applyBorder="1" applyAlignment="1">
      <alignment horizontal="right"/>
    </xf>
    <xf numFmtId="176" fontId="4" fillId="0" borderId="31" xfId="1" quotePrefix="1" applyNumberFormat="1" applyFont="1" applyFill="1" applyBorder="1" applyAlignment="1">
      <alignment horizontal="right"/>
    </xf>
    <xf numFmtId="177" fontId="4" fillId="0" borderId="30" xfId="1" quotePrefix="1" applyNumberFormat="1" applyFont="1" applyFill="1" applyBorder="1" applyAlignment="1">
      <alignment horizontal="right"/>
    </xf>
    <xf numFmtId="38" fontId="4" fillId="0" borderId="41" xfId="2" applyFont="1" applyFill="1" applyBorder="1"/>
    <xf numFmtId="176" fontId="4" fillId="0" borderId="44" xfId="1" applyNumberFormat="1" applyFont="1" applyFill="1" applyBorder="1"/>
    <xf numFmtId="177" fontId="4" fillId="0" borderId="44" xfId="1" applyNumberFormat="1" applyFont="1" applyFill="1" applyBorder="1"/>
    <xf numFmtId="38" fontId="4" fillId="0" borderId="46" xfId="2" applyNumberFormat="1" applyFont="1" applyFill="1" applyBorder="1"/>
    <xf numFmtId="38" fontId="4" fillId="0" borderId="43" xfId="2" applyNumberFormat="1" applyFont="1" applyFill="1" applyBorder="1"/>
    <xf numFmtId="38" fontId="4" fillId="0" borderId="53" xfId="1" applyFont="1" applyBorder="1" applyAlignment="1">
      <alignment horizontal="center"/>
    </xf>
    <xf numFmtId="38" fontId="4" fillId="0" borderId="54" xfId="1" applyFont="1" applyFill="1" applyBorder="1"/>
    <xf numFmtId="176" fontId="4" fillId="0" borderId="56" xfId="1" applyNumberFormat="1" applyFont="1" applyFill="1" applyBorder="1"/>
    <xf numFmtId="40" fontId="4" fillId="0" borderId="53" xfId="1" applyNumberFormat="1" applyFont="1" applyFill="1" applyBorder="1"/>
    <xf numFmtId="176" fontId="4" fillId="0" borderId="54" xfId="1" applyNumberFormat="1" applyFont="1" applyFill="1" applyBorder="1"/>
    <xf numFmtId="177" fontId="4" fillId="0" borderId="56" xfId="1" applyNumberFormat="1" applyFont="1" applyFill="1" applyBorder="1" applyAlignment="1">
      <alignment horizontal="center"/>
    </xf>
    <xf numFmtId="38" fontId="4" fillId="0" borderId="51" xfId="2" applyFont="1" applyFill="1" applyBorder="1"/>
    <xf numFmtId="38" fontId="4" fillId="0" borderId="53" xfId="2" applyFont="1" applyBorder="1" applyAlignment="1">
      <alignment horizontal="center"/>
    </xf>
    <xf numFmtId="38" fontId="4" fillId="0" borderId="54" xfId="2" applyNumberFormat="1" applyFont="1" applyFill="1" applyBorder="1"/>
    <xf numFmtId="38" fontId="4" fillId="0" borderId="56" xfId="2" applyNumberFormat="1" applyFont="1" applyFill="1" applyBorder="1" applyAlignment="1">
      <alignment horizontal="center"/>
    </xf>
    <xf numFmtId="38" fontId="4" fillId="0" borderId="15" xfId="1" applyFont="1" applyFill="1" applyBorder="1"/>
    <xf numFmtId="176" fontId="4" fillId="0" borderId="0" xfId="1" applyNumberFormat="1" applyFont="1" applyFill="1" applyBorder="1"/>
    <xf numFmtId="40" fontId="4" fillId="0" borderId="16" xfId="1" applyNumberFormat="1" applyFont="1" applyFill="1" applyBorder="1"/>
    <xf numFmtId="177" fontId="4" fillId="0" borderId="0" xfId="1" applyNumberFormat="1" applyFont="1" applyFill="1" applyBorder="1" applyAlignment="1">
      <alignment horizontal="center"/>
    </xf>
    <xf numFmtId="38" fontId="4" fillId="0" borderId="58" xfId="2" applyFont="1" applyFill="1" applyBorder="1"/>
    <xf numFmtId="38" fontId="4" fillId="0" borderId="15" xfId="2" applyNumberFormat="1" applyFont="1" applyFill="1" applyBorder="1"/>
    <xf numFmtId="38" fontId="4" fillId="0" borderId="0" xfId="2" applyNumberFormat="1" applyFont="1" applyFill="1" applyBorder="1" applyAlignment="1">
      <alignment horizontal="center"/>
    </xf>
    <xf numFmtId="38" fontId="4" fillId="0" borderId="63" xfId="1" applyFont="1" applyBorder="1" applyAlignment="1">
      <alignment horizontal="center"/>
    </xf>
    <xf numFmtId="38" fontId="4" fillId="0" borderId="64" xfId="1" applyFont="1" applyFill="1" applyBorder="1"/>
    <xf numFmtId="176" fontId="4" fillId="0" borderId="66" xfId="1" applyNumberFormat="1" applyFont="1" applyFill="1" applyBorder="1"/>
    <xf numFmtId="40" fontId="4" fillId="0" borderId="63" xfId="1" applyNumberFormat="1" applyFont="1" applyFill="1" applyBorder="1"/>
    <xf numFmtId="176" fontId="4" fillId="0" borderId="67" xfId="1" applyNumberFormat="1" applyFont="1" applyFill="1" applyBorder="1"/>
    <xf numFmtId="177" fontId="4" fillId="0" borderId="66" xfId="1" applyNumberFormat="1" applyFont="1" applyFill="1" applyBorder="1" applyAlignment="1">
      <alignment horizontal="center"/>
    </xf>
    <xf numFmtId="38" fontId="4" fillId="0" borderId="61" xfId="2" applyFont="1" applyFill="1" applyBorder="1"/>
    <xf numFmtId="38" fontId="4" fillId="0" borderId="63" xfId="2" applyFont="1" applyBorder="1" applyAlignment="1">
      <alignment horizontal="center"/>
    </xf>
    <xf numFmtId="38" fontId="4" fillId="0" borderId="64" xfId="2" applyNumberFormat="1" applyFont="1" applyFill="1" applyBorder="1"/>
    <xf numFmtId="38" fontId="4" fillId="0" borderId="66" xfId="2" applyNumberFormat="1" applyFont="1" applyFill="1" applyBorder="1" applyAlignment="1">
      <alignment horizontal="center"/>
    </xf>
    <xf numFmtId="49" fontId="2" fillId="0" borderId="0" xfId="1" applyNumberFormat="1" applyFont="1"/>
    <xf numFmtId="178" fontId="4" fillId="0" borderId="30" xfId="1" applyNumberFormat="1" applyFont="1" applyFill="1" applyBorder="1"/>
    <xf numFmtId="178" fontId="4" fillId="0" borderId="41" xfId="1" applyNumberFormat="1" applyFont="1" applyFill="1" applyBorder="1"/>
    <xf numFmtId="178" fontId="4" fillId="0" borderId="24" xfId="1" applyNumberFormat="1" applyFont="1" applyFill="1" applyBorder="1"/>
    <xf numFmtId="178" fontId="4" fillId="0" borderId="30" xfId="1" quotePrefix="1" applyNumberFormat="1" applyFont="1" applyFill="1" applyBorder="1" applyAlignment="1">
      <alignment horizontal="right"/>
    </xf>
    <xf numFmtId="178" fontId="4" fillId="0" borderId="44" xfId="1" applyNumberFormat="1" applyFont="1" applyFill="1" applyBorder="1"/>
    <xf numFmtId="178" fontId="4" fillId="0" borderId="56" xfId="1" applyNumberFormat="1" applyFont="1" applyFill="1" applyBorder="1"/>
    <xf numFmtId="178" fontId="4" fillId="0" borderId="0" xfId="1" applyNumberFormat="1" applyFont="1" applyFill="1" applyBorder="1"/>
    <xf numFmtId="178" fontId="4" fillId="0" borderId="66" xfId="1" applyNumberFormat="1" applyFont="1" applyFill="1" applyBorder="1"/>
    <xf numFmtId="179" fontId="4" fillId="0" borderId="29" xfId="1" applyNumberFormat="1" applyFont="1" applyFill="1" applyBorder="1"/>
    <xf numFmtId="179" fontId="4" fillId="0" borderId="37" xfId="1" applyNumberFormat="1" applyFont="1" applyFill="1" applyBorder="1"/>
    <xf numFmtId="179" fontId="4" fillId="0" borderId="23" xfId="1" applyNumberFormat="1" applyFont="1" applyFill="1" applyBorder="1"/>
    <xf numFmtId="179" fontId="4" fillId="0" borderId="29" xfId="1" quotePrefix="1" applyNumberFormat="1" applyFont="1" applyFill="1" applyBorder="1" applyAlignment="1">
      <alignment horizontal="right"/>
    </xf>
    <xf numFmtId="179" fontId="4" fillId="0" borderId="11" xfId="1" applyNumberFormat="1" applyFont="1" applyFill="1" applyBorder="1"/>
    <xf numFmtId="179" fontId="4" fillId="0" borderId="55" xfId="1" applyNumberFormat="1" applyFont="1" applyFill="1" applyBorder="1"/>
    <xf numFmtId="179" fontId="4" fillId="0" borderId="13" xfId="1" applyNumberFormat="1" applyFont="1" applyFill="1" applyBorder="1"/>
    <xf numFmtId="179" fontId="4" fillId="0" borderId="65" xfId="1" applyNumberFormat="1" applyFont="1" applyFill="1" applyBorder="1"/>
    <xf numFmtId="179" fontId="4" fillId="0" borderId="28" xfId="2" applyNumberFormat="1" applyFont="1" applyFill="1" applyBorder="1"/>
    <xf numFmtId="179" fontId="4" fillId="0" borderId="36" xfId="2" applyNumberFormat="1" applyFont="1" applyFill="1" applyBorder="1"/>
    <xf numFmtId="179" fontId="4" fillId="0" borderId="22" xfId="2" applyNumberFormat="1" applyFont="1" applyFill="1" applyBorder="1"/>
    <xf numFmtId="179" fontId="4" fillId="0" borderId="45" xfId="2" applyNumberFormat="1" applyFont="1" applyFill="1" applyBorder="1"/>
    <xf numFmtId="179" fontId="4" fillId="0" borderId="52" xfId="2" applyNumberFormat="1" applyFont="1" applyFill="1" applyBorder="1"/>
    <xf numFmtId="179" fontId="4" fillId="0" borderId="10" xfId="2" applyNumberFormat="1" applyFont="1" applyFill="1" applyBorder="1"/>
    <xf numFmtId="179" fontId="4" fillId="0" borderId="62" xfId="2" applyNumberFormat="1" applyFont="1" applyFill="1" applyBorder="1"/>
    <xf numFmtId="178" fontId="4" fillId="0" borderId="29" xfId="2" applyNumberFormat="1" applyFont="1" applyFill="1" applyBorder="1"/>
    <xf numFmtId="178" fontId="4" fillId="0" borderId="37" xfId="2" applyNumberFormat="1" applyFont="1" applyFill="1" applyBorder="1"/>
    <xf numFmtId="178" fontId="4" fillId="0" borderId="23" xfId="2" applyNumberFormat="1" applyFont="1" applyFill="1" applyBorder="1"/>
    <xf numFmtId="178" fontId="4" fillId="0" borderId="47" xfId="2" applyNumberFormat="1" applyFont="1" applyFill="1" applyBorder="1"/>
    <xf numFmtId="178" fontId="4" fillId="0" borderId="55" xfId="2" applyNumberFormat="1" applyFont="1" applyFill="1" applyBorder="1"/>
    <xf numFmtId="178" fontId="4" fillId="0" borderId="13" xfId="2" applyNumberFormat="1" applyFont="1" applyFill="1" applyBorder="1"/>
    <xf numFmtId="178" fontId="4" fillId="0" borderId="65" xfId="2" applyNumberFormat="1" applyFont="1" applyFill="1" applyBorder="1"/>
    <xf numFmtId="179" fontId="4" fillId="0" borderId="33" xfId="1" applyNumberFormat="1" applyFont="1" applyFill="1" applyBorder="1"/>
    <xf numFmtId="179" fontId="4" fillId="0" borderId="42" xfId="1" applyNumberFormat="1" applyFont="1" applyFill="1" applyBorder="1"/>
    <xf numFmtId="179" fontId="4" fillId="0" borderId="26" xfId="1" applyNumberFormat="1" applyFont="1" applyFill="1" applyBorder="1"/>
    <xf numFmtId="179" fontId="4" fillId="0" borderId="48" xfId="1" applyNumberFormat="1" applyFont="1" applyFill="1" applyBorder="1"/>
    <xf numFmtId="179" fontId="4" fillId="0" borderId="57" xfId="1" applyNumberFormat="1" applyFont="1" applyFill="1" applyBorder="1"/>
    <xf numFmtId="179" fontId="4" fillId="0" borderId="17" xfId="1" applyNumberFormat="1" applyFont="1" applyFill="1" applyBorder="1"/>
    <xf numFmtId="179" fontId="4" fillId="0" borderId="68" xfId="1" applyNumberFormat="1" applyFont="1" applyFill="1" applyBorder="1"/>
    <xf numFmtId="49" fontId="4" fillId="0" borderId="69" xfId="1" applyNumberFormat="1" applyFont="1" applyBorder="1" applyAlignment="1">
      <alignment horizontal="left"/>
    </xf>
    <xf numFmtId="0" fontId="4" fillId="0" borderId="3" xfId="0" quotePrefix="1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4" fillId="0" borderId="3" xfId="1" quotePrefix="1" applyFont="1" applyBorder="1" applyAlignment="1">
      <alignment horizontal="distributed" justifyLastLine="1"/>
    </xf>
    <xf numFmtId="0" fontId="0" fillId="0" borderId="6" xfId="0" applyBorder="1" applyAlignment="1">
      <alignment horizontal="distributed" justifyLastLine="1"/>
    </xf>
    <xf numFmtId="38" fontId="4" fillId="0" borderId="49" xfId="1" applyFont="1" applyBorder="1" applyAlignment="1">
      <alignment horizontal="distributed" justifyLastLine="1"/>
    </xf>
    <xf numFmtId="38" fontId="4" fillId="0" borderId="50" xfId="1" applyFont="1" applyBorder="1" applyAlignment="1">
      <alignment horizontal="distributed" justifyLastLine="1"/>
    </xf>
    <xf numFmtId="38" fontId="4" fillId="0" borderId="59" xfId="1" applyFont="1" applyBorder="1" applyAlignment="1">
      <alignment horizontal="distributed" justifyLastLine="1"/>
    </xf>
    <xf numFmtId="38" fontId="4" fillId="0" borderId="60" xfId="1" applyFont="1" applyBorder="1" applyAlignment="1">
      <alignment horizontal="distributed" justifyLastLine="1"/>
    </xf>
    <xf numFmtId="0" fontId="4" fillId="0" borderId="4" xfId="0" applyFont="1" applyBorder="1" applyAlignment="1">
      <alignment horizontal="distributed" justifyLastLine="1"/>
    </xf>
    <xf numFmtId="0" fontId="4" fillId="0" borderId="5" xfId="0" applyFont="1" applyBorder="1" applyAlignment="1">
      <alignment horizontal="distributed" justifyLastLine="1"/>
    </xf>
    <xf numFmtId="38" fontId="4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0" fontId="0" fillId="0" borderId="19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48"/>
  <sheetViews>
    <sheetView tabSelected="1" view="pageBreakPreview" topLeftCell="A37" zoomScaleNormal="100" zoomScaleSheetLayoutView="100" workbookViewId="0">
      <selection activeCell="I46" sqref="I46"/>
    </sheetView>
  </sheetViews>
  <sheetFormatPr defaultRowHeight="11.25" x14ac:dyDescent="0.15"/>
  <cols>
    <col min="1" max="1" width="3.625" style="1" customWidth="1"/>
    <col min="2" max="2" width="10" style="1" customWidth="1"/>
    <col min="3" max="3" width="7.5" style="1" customWidth="1"/>
    <col min="4" max="4" width="3.125" style="1" customWidth="1"/>
    <col min="5" max="5" width="6.375" style="1" customWidth="1"/>
    <col min="6" max="6" width="7.5" style="1" customWidth="1"/>
    <col min="7" max="7" width="3.125" style="1" customWidth="1"/>
    <col min="8" max="8" width="6.375" style="1" customWidth="1"/>
    <col min="9" max="9" width="7.5" style="1" customWidth="1"/>
    <col min="10" max="10" width="3.125" style="1" customWidth="1"/>
    <col min="11" max="11" width="6.375" style="1" customWidth="1"/>
    <col min="12" max="12" width="7.5" style="1" customWidth="1"/>
    <col min="13" max="13" width="3.125" style="1" customWidth="1"/>
    <col min="14" max="14" width="6.375" style="1" customWidth="1"/>
    <col min="15" max="15" width="7.5" style="1" customWidth="1"/>
    <col min="16" max="16" width="3.125" style="1" customWidth="1"/>
    <col min="17" max="17" width="6.375" style="1" customWidth="1"/>
    <col min="18" max="16384" width="9" style="1"/>
  </cols>
  <sheetData>
    <row r="1" spans="1:17" ht="16.5" customHeight="1" x14ac:dyDescent="0.15">
      <c r="A1" s="89" t="s">
        <v>61</v>
      </c>
      <c r="O1" s="2"/>
    </row>
    <row r="2" spans="1:17" ht="11.1" customHeight="1" thickBot="1" x14ac:dyDescent="0.2"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</row>
    <row r="3" spans="1:17" s="4" customFormat="1" ht="15" customHeight="1" x14ac:dyDescent="0.15">
      <c r="A3" s="139" t="s">
        <v>0</v>
      </c>
      <c r="B3" s="140"/>
      <c r="C3" s="128" t="s">
        <v>1</v>
      </c>
      <c r="D3" s="137"/>
      <c r="E3" s="137"/>
      <c r="F3" s="128" t="s">
        <v>2</v>
      </c>
      <c r="G3" s="137"/>
      <c r="H3" s="138"/>
      <c r="I3" s="128" t="s">
        <v>3</v>
      </c>
      <c r="J3" s="137"/>
      <c r="K3" s="138"/>
      <c r="L3" s="128" t="s">
        <v>4</v>
      </c>
      <c r="M3" s="129"/>
      <c r="N3" s="130"/>
      <c r="O3" s="131" t="s">
        <v>5</v>
      </c>
      <c r="P3" s="129"/>
      <c r="Q3" s="132"/>
    </row>
    <row r="4" spans="1:17" ht="12.75" customHeight="1" x14ac:dyDescent="0.15">
      <c r="A4" s="141"/>
      <c r="B4" s="142"/>
      <c r="C4" s="9" t="s">
        <v>6</v>
      </c>
      <c r="D4" s="10" t="s">
        <v>7</v>
      </c>
      <c r="E4" s="9" t="s">
        <v>8</v>
      </c>
      <c r="F4" s="5" t="s">
        <v>6</v>
      </c>
      <c r="G4" s="7" t="s">
        <v>7</v>
      </c>
      <c r="H4" s="6" t="s">
        <v>9</v>
      </c>
      <c r="I4" s="9" t="s">
        <v>6</v>
      </c>
      <c r="J4" s="10" t="s">
        <v>7</v>
      </c>
      <c r="K4" s="9" t="s">
        <v>10</v>
      </c>
      <c r="L4" s="8" t="s">
        <v>6</v>
      </c>
      <c r="M4" s="7" t="s">
        <v>7</v>
      </c>
      <c r="N4" s="6" t="s">
        <v>11</v>
      </c>
      <c r="O4" s="8" t="s">
        <v>6</v>
      </c>
      <c r="P4" s="7" t="s">
        <v>7</v>
      </c>
      <c r="Q4" s="11" t="s">
        <v>12</v>
      </c>
    </row>
    <row r="5" spans="1:17" ht="12.75" customHeight="1" x14ac:dyDescent="0.15">
      <c r="A5" s="143"/>
      <c r="B5" s="144"/>
      <c r="C5" s="16" t="s">
        <v>13</v>
      </c>
      <c r="D5" s="17" t="s">
        <v>16</v>
      </c>
      <c r="E5" s="16" t="s">
        <v>14</v>
      </c>
      <c r="F5" s="13" t="s">
        <v>13</v>
      </c>
      <c r="G5" s="14" t="s">
        <v>15</v>
      </c>
      <c r="H5" s="15" t="s">
        <v>14</v>
      </c>
      <c r="I5" s="16" t="s">
        <v>13</v>
      </c>
      <c r="J5" s="17" t="s">
        <v>16</v>
      </c>
      <c r="K5" s="16" t="s">
        <v>14</v>
      </c>
      <c r="L5" s="12" t="s">
        <v>13</v>
      </c>
      <c r="M5" s="14" t="s">
        <v>15</v>
      </c>
      <c r="N5" s="15" t="s">
        <v>14</v>
      </c>
      <c r="O5" s="12" t="s">
        <v>13</v>
      </c>
      <c r="P5" s="14" t="s">
        <v>15</v>
      </c>
      <c r="Q5" s="18" t="s">
        <v>14</v>
      </c>
    </row>
    <row r="6" spans="1:17" ht="19.5" customHeight="1" x14ac:dyDescent="0.15">
      <c r="A6" s="19">
        <v>1</v>
      </c>
      <c r="B6" s="20" t="s">
        <v>17</v>
      </c>
      <c r="C6" s="23">
        <v>1297</v>
      </c>
      <c r="D6" s="24">
        <v>33</v>
      </c>
      <c r="E6" s="90">
        <v>3.02</v>
      </c>
      <c r="F6" s="25">
        <v>1378</v>
      </c>
      <c r="G6" s="26">
        <v>33</v>
      </c>
      <c r="H6" s="98">
        <v>6.25</v>
      </c>
      <c r="I6" s="27">
        <v>1459</v>
      </c>
      <c r="J6" s="28">
        <v>33</v>
      </c>
      <c r="K6" s="106">
        <v>5.88</v>
      </c>
      <c r="L6" s="29">
        <v>1553</v>
      </c>
      <c r="M6" s="30">
        <v>33</v>
      </c>
      <c r="N6" s="113">
        <v>6.44</v>
      </c>
      <c r="O6" s="22">
        <v>1583</v>
      </c>
      <c r="P6" s="21">
        <v>33</v>
      </c>
      <c r="Q6" s="120">
        <v>1.93</v>
      </c>
    </row>
    <row r="7" spans="1:17" ht="19.5" customHeight="1" x14ac:dyDescent="0.15">
      <c r="A7" s="19">
        <v>2</v>
      </c>
      <c r="B7" s="20" t="s">
        <v>18</v>
      </c>
      <c r="C7" s="23">
        <v>1684</v>
      </c>
      <c r="D7" s="24">
        <v>31</v>
      </c>
      <c r="E7" s="90">
        <v>15.9</v>
      </c>
      <c r="F7" s="25">
        <v>1667</v>
      </c>
      <c r="G7" s="26">
        <v>30</v>
      </c>
      <c r="H7" s="98">
        <v>-1.01</v>
      </c>
      <c r="I7" s="27">
        <v>1816</v>
      </c>
      <c r="J7" s="28">
        <v>30</v>
      </c>
      <c r="K7" s="106">
        <v>8.94</v>
      </c>
      <c r="L7" s="29">
        <v>2032</v>
      </c>
      <c r="M7" s="30">
        <v>31</v>
      </c>
      <c r="N7" s="113">
        <v>11.89</v>
      </c>
      <c r="O7" s="22">
        <v>2086</v>
      </c>
      <c r="P7" s="21">
        <v>31</v>
      </c>
      <c r="Q7" s="120">
        <v>2.66</v>
      </c>
    </row>
    <row r="8" spans="1:17" ht="19.5" customHeight="1" x14ac:dyDescent="0.15">
      <c r="A8" s="19">
        <v>3</v>
      </c>
      <c r="B8" s="20" t="s">
        <v>19</v>
      </c>
      <c r="C8" s="23">
        <v>1768</v>
      </c>
      <c r="D8" s="24">
        <v>29</v>
      </c>
      <c r="E8" s="90">
        <v>6.51</v>
      </c>
      <c r="F8" s="25">
        <v>1804</v>
      </c>
      <c r="G8" s="26">
        <v>29</v>
      </c>
      <c r="H8" s="98">
        <v>2.04</v>
      </c>
      <c r="I8" s="27">
        <v>2260</v>
      </c>
      <c r="J8" s="28">
        <v>28</v>
      </c>
      <c r="K8" s="106">
        <v>25.28</v>
      </c>
      <c r="L8" s="29">
        <v>2524</v>
      </c>
      <c r="M8" s="30">
        <v>27</v>
      </c>
      <c r="N8" s="113">
        <v>11.68</v>
      </c>
      <c r="O8" s="22">
        <v>2616</v>
      </c>
      <c r="P8" s="21">
        <v>26</v>
      </c>
      <c r="Q8" s="120">
        <v>3.65</v>
      </c>
    </row>
    <row r="9" spans="1:17" ht="19.5" customHeight="1" x14ac:dyDescent="0.15">
      <c r="A9" s="19">
        <v>4</v>
      </c>
      <c r="B9" s="20" t="s">
        <v>20</v>
      </c>
      <c r="C9" s="23">
        <v>2140</v>
      </c>
      <c r="D9" s="24">
        <v>24</v>
      </c>
      <c r="E9" s="90">
        <v>17.649999999999999</v>
      </c>
      <c r="F9" s="25">
        <v>2386</v>
      </c>
      <c r="G9" s="26">
        <v>22</v>
      </c>
      <c r="H9" s="98">
        <v>11.5</v>
      </c>
      <c r="I9" s="27">
        <v>2906</v>
      </c>
      <c r="J9" s="28">
        <v>18</v>
      </c>
      <c r="K9" s="106">
        <v>21.79</v>
      </c>
      <c r="L9" s="29">
        <v>3156</v>
      </c>
      <c r="M9" s="30">
        <v>17</v>
      </c>
      <c r="N9" s="113">
        <v>8.6</v>
      </c>
      <c r="O9" s="22">
        <v>2893</v>
      </c>
      <c r="P9" s="21">
        <v>21</v>
      </c>
      <c r="Q9" s="120">
        <v>-8.33</v>
      </c>
    </row>
    <row r="10" spans="1:17" ht="19.5" customHeight="1" x14ac:dyDescent="0.15">
      <c r="A10" s="19">
        <v>5</v>
      </c>
      <c r="B10" s="20" t="s">
        <v>21</v>
      </c>
      <c r="C10" s="23">
        <v>3071</v>
      </c>
      <c r="D10" s="24">
        <v>10</v>
      </c>
      <c r="E10" s="90">
        <v>27.59</v>
      </c>
      <c r="F10" s="25">
        <v>3266</v>
      </c>
      <c r="G10" s="26">
        <v>11</v>
      </c>
      <c r="H10" s="98">
        <v>6.35</v>
      </c>
      <c r="I10" s="27">
        <v>3325</v>
      </c>
      <c r="J10" s="28">
        <v>11</v>
      </c>
      <c r="K10" s="106">
        <v>1.81</v>
      </c>
      <c r="L10" s="29">
        <v>3428</v>
      </c>
      <c r="M10" s="30">
        <v>12</v>
      </c>
      <c r="N10" s="113">
        <v>3.1</v>
      </c>
      <c r="O10" s="22">
        <v>3378</v>
      </c>
      <c r="P10" s="21">
        <v>13</v>
      </c>
      <c r="Q10" s="120">
        <v>-1.46</v>
      </c>
    </row>
    <row r="11" spans="1:17" ht="19.5" customHeight="1" x14ac:dyDescent="0.15">
      <c r="A11" s="19">
        <v>6</v>
      </c>
      <c r="B11" s="20" t="s">
        <v>22</v>
      </c>
      <c r="C11" s="23">
        <v>3296</v>
      </c>
      <c r="D11" s="24">
        <v>8</v>
      </c>
      <c r="E11" s="90">
        <v>0.83</v>
      </c>
      <c r="F11" s="25">
        <v>3285</v>
      </c>
      <c r="G11" s="26">
        <v>9</v>
      </c>
      <c r="H11" s="98">
        <v>-0.33</v>
      </c>
      <c r="I11" s="27">
        <v>3485</v>
      </c>
      <c r="J11" s="28">
        <v>7</v>
      </c>
      <c r="K11" s="106">
        <v>6.09</v>
      </c>
      <c r="L11" s="29">
        <v>3514</v>
      </c>
      <c r="M11" s="30">
        <v>9</v>
      </c>
      <c r="N11" s="113">
        <v>0.83</v>
      </c>
      <c r="O11" s="22">
        <v>3520</v>
      </c>
      <c r="P11" s="21">
        <v>8</v>
      </c>
      <c r="Q11" s="120">
        <v>0.17</v>
      </c>
    </row>
    <row r="12" spans="1:17" ht="19.5" customHeight="1" x14ac:dyDescent="0.15">
      <c r="A12" s="19">
        <v>7</v>
      </c>
      <c r="B12" s="20" t="s">
        <v>23</v>
      </c>
      <c r="C12" s="23">
        <v>2109</v>
      </c>
      <c r="D12" s="24">
        <v>25</v>
      </c>
      <c r="E12" s="90">
        <v>4.05</v>
      </c>
      <c r="F12" s="25">
        <v>2011</v>
      </c>
      <c r="G12" s="26">
        <v>28</v>
      </c>
      <c r="H12" s="98">
        <v>-4.6500000000000004</v>
      </c>
      <c r="I12" s="27">
        <v>2365</v>
      </c>
      <c r="J12" s="28">
        <v>26</v>
      </c>
      <c r="K12" s="106">
        <v>17.600000000000001</v>
      </c>
      <c r="L12" s="29">
        <v>2680</v>
      </c>
      <c r="M12" s="30">
        <v>22</v>
      </c>
      <c r="N12" s="113">
        <v>13.32</v>
      </c>
      <c r="O12" s="22">
        <v>2848</v>
      </c>
      <c r="P12" s="21">
        <v>23</v>
      </c>
      <c r="Q12" s="120">
        <v>6.27</v>
      </c>
    </row>
    <row r="13" spans="1:17" ht="19.5" customHeight="1" x14ac:dyDescent="0.15">
      <c r="A13" s="19">
        <v>8</v>
      </c>
      <c r="B13" s="20" t="s">
        <v>24</v>
      </c>
      <c r="C13" s="23">
        <v>2692</v>
      </c>
      <c r="D13" s="24">
        <v>17</v>
      </c>
      <c r="E13" s="90">
        <v>98.67</v>
      </c>
      <c r="F13" s="25">
        <v>2806</v>
      </c>
      <c r="G13" s="26">
        <v>15</v>
      </c>
      <c r="H13" s="98">
        <v>4.2300000000000004</v>
      </c>
      <c r="I13" s="27">
        <v>3328</v>
      </c>
      <c r="J13" s="28">
        <v>10</v>
      </c>
      <c r="K13" s="106">
        <v>18.600000000000001</v>
      </c>
      <c r="L13" s="29">
        <v>3202</v>
      </c>
      <c r="M13" s="30">
        <v>15</v>
      </c>
      <c r="N13" s="113">
        <v>-3.79</v>
      </c>
      <c r="O13" s="22">
        <v>3183</v>
      </c>
      <c r="P13" s="21">
        <v>16</v>
      </c>
      <c r="Q13" s="120">
        <v>-0.59</v>
      </c>
    </row>
    <row r="14" spans="1:17" ht="19.5" customHeight="1" x14ac:dyDescent="0.15">
      <c r="A14" s="19">
        <v>9</v>
      </c>
      <c r="B14" s="20" t="s">
        <v>25</v>
      </c>
      <c r="C14" s="23">
        <v>2955</v>
      </c>
      <c r="D14" s="24">
        <v>12</v>
      </c>
      <c r="E14" s="90">
        <v>4.42</v>
      </c>
      <c r="F14" s="25">
        <v>2856</v>
      </c>
      <c r="G14" s="26">
        <v>14</v>
      </c>
      <c r="H14" s="98">
        <v>-3.35</v>
      </c>
      <c r="I14" s="27">
        <v>3020</v>
      </c>
      <c r="J14" s="28">
        <v>15</v>
      </c>
      <c r="K14" s="106">
        <v>5.74</v>
      </c>
      <c r="L14" s="29">
        <v>3183</v>
      </c>
      <c r="M14" s="30">
        <v>16</v>
      </c>
      <c r="N14" s="113">
        <v>5.4</v>
      </c>
      <c r="O14" s="22">
        <v>3072</v>
      </c>
      <c r="P14" s="21">
        <v>18</v>
      </c>
      <c r="Q14" s="120">
        <v>-3.49</v>
      </c>
    </row>
    <row r="15" spans="1:17" ht="19.5" customHeight="1" x14ac:dyDescent="0.15">
      <c r="A15" s="19">
        <v>10</v>
      </c>
      <c r="B15" s="20" t="s">
        <v>26</v>
      </c>
      <c r="C15" s="23">
        <v>2869</v>
      </c>
      <c r="D15" s="24">
        <v>13</v>
      </c>
      <c r="E15" s="90">
        <v>-2.12</v>
      </c>
      <c r="F15" s="25">
        <v>3049</v>
      </c>
      <c r="G15" s="26">
        <v>13</v>
      </c>
      <c r="H15" s="98">
        <v>6.27</v>
      </c>
      <c r="I15" s="27">
        <v>3198</v>
      </c>
      <c r="J15" s="28">
        <v>14</v>
      </c>
      <c r="K15" s="106">
        <v>4.8899999999999997</v>
      </c>
      <c r="L15" s="29">
        <v>3415</v>
      </c>
      <c r="M15" s="30">
        <v>13</v>
      </c>
      <c r="N15" s="113">
        <v>6.79</v>
      </c>
      <c r="O15" s="22">
        <v>3449</v>
      </c>
      <c r="P15" s="21">
        <v>12</v>
      </c>
      <c r="Q15" s="120">
        <v>1</v>
      </c>
    </row>
    <row r="16" spans="1:17" ht="19.5" customHeight="1" x14ac:dyDescent="0.15">
      <c r="A16" s="19">
        <v>11</v>
      </c>
      <c r="B16" s="20" t="s">
        <v>27</v>
      </c>
      <c r="C16" s="23">
        <v>2173</v>
      </c>
      <c r="D16" s="24">
        <v>23</v>
      </c>
      <c r="E16" s="90">
        <v>4.42</v>
      </c>
      <c r="F16" s="25">
        <v>2329</v>
      </c>
      <c r="G16" s="26">
        <v>23</v>
      </c>
      <c r="H16" s="98">
        <v>7.18</v>
      </c>
      <c r="I16" s="27">
        <v>2684</v>
      </c>
      <c r="J16" s="28">
        <v>20</v>
      </c>
      <c r="K16" s="106">
        <v>15.24</v>
      </c>
      <c r="L16" s="29">
        <v>2644</v>
      </c>
      <c r="M16" s="30">
        <v>24</v>
      </c>
      <c r="N16" s="113">
        <v>-1.49</v>
      </c>
      <c r="O16" s="22">
        <v>2931</v>
      </c>
      <c r="P16" s="21">
        <v>20</v>
      </c>
      <c r="Q16" s="120">
        <v>10.85</v>
      </c>
    </row>
    <row r="17" spans="1:17" ht="19.5" customHeight="1" x14ac:dyDescent="0.15">
      <c r="A17" s="19">
        <v>12</v>
      </c>
      <c r="B17" s="20" t="s">
        <v>28</v>
      </c>
      <c r="C17" s="23">
        <v>3306</v>
      </c>
      <c r="D17" s="24">
        <v>7</v>
      </c>
      <c r="E17" s="90">
        <v>6.96</v>
      </c>
      <c r="F17" s="25">
        <v>3503</v>
      </c>
      <c r="G17" s="26">
        <v>6</v>
      </c>
      <c r="H17" s="98">
        <v>5.96</v>
      </c>
      <c r="I17" s="27">
        <v>3761</v>
      </c>
      <c r="J17" s="28">
        <v>6</v>
      </c>
      <c r="K17" s="106">
        <v>7.37</v>
      </c>
      <c r="L17" s="29">
        <v>3942</v>
      </c>
      <c r="M17" s="30">
        <v>6</v>
      </c>
      <c r="N17" s="113">
        <v>4.8099999999999996</v>
      </c>
      <c r="O17" s="22">
        <v>3864</v>
      </c>
      <c r="P17" s="21">
        <v>7</v>
      </c>
      <c r="Q17" s="120">
        <v>-1.98</v>
      </c>
    </row>
    <row r="18" spans="1:17" ht="19.5" customHeight="1" x14ac:dyDescent="0.15">
      <c r="A18" s="19">
        <v>13</v>
      </c>
      <c r="B18" s="20" t="s">
        <v>29</v>
      </c>
      <c r="C18" s="23">
        <v>2641</v>
      </c>
      <c r="D18" s="24">
        <v>18</v>
      </c>
      <c r="E18" s="90">
        <v>2.68</v>
      </c>
      <c r="F18" s="25">
        <v>2665</v>
      </c>
      <c r="G18" s="26">
        <v>18</v>
      </c>
      <c r="H18" s="98">
        <v>0.91</v>
      </c>
      <c r="I18" s="27">
        <v>2702</v>
      </c>
      <c r="J18" s="28">
        <v>19</v>
      </c>
      <c r="K18" s="106">
        <v>1.39</v>
      </c>
      <c r="L18" s="29">
        <v>2990</v>
      </c>
      <c r="M18" s="30">
        <v>19</v>
      </c>
      <c r="N18" s="113">
        <v>10.66</v>
      </c>
      <c r="O18" s="22">
        <v>3361</v>
      </c>
      <c r="P18" s="21">
        <v>15</v>
      </c>
      <c r="Q18" s="120">
        <v>12.41</v>
      </c>
    </row>
    <row r="19" spans="1:17" ht="19.5" customHeight="1" x14ac:dyDescent="0.15">
      <c r="A19" s="19">
        <v>14</v>
      </c>
      <c r="B19" s="20" t="s">
        <v>30</v>
      </c>
      <c r="C19" s="23">
        <v>4058</v>
      </c>
      <c r="D19" s="24">
        <v>3</v>
      </c>
      <c r="E19" s="90">
        <v>6.04</v>
      </c>
      <c r="F19" s="25">
        <v>4155</v>
      </c>
      <c r="G19" s="26">
        <v>2</v>
      </c>
      <c r="H19" s="98">
        <v>2.39</v>
      </c>
      <c r="I19" s="27">
        <v>4460</v>
      </c>
      <c r="J19" s="28">
        <v>2</v>
      </c>
      <c r="K19" s="106">
        <v>7.34</v>
      </c>
      <c r="L19" s="29">
        <v>4494</v>
      </c>
      <c r="M19" s="30">
        <v>3</v>
      </c>
      <c r="N19" s="113">
        <v>0.76</v>
      </c>
      <c r="O19" s="22">
        <v>4530</v>
      </c>
      <c r="P19" s="21">
        <v>3</v>
      </c>
      <c r="Q19" s="120">
        <v>0.8</v>
      </c>
    </row>
    <row r="20" spans="1:17" ht="19.5" customHeight="1" x14ac:dyDescent="0.15">
      <c r="A20" s="19">
        <v>15</v>
      </c>
      <c r="B20" s="20" t="s">
        <v>31</v>
      </c>
      <c r="C20" s="23">
        <v>3563</v>
      </c>
      <c r="D20" s="24">
        <v>5</v>
      </c>
      <c r="E20" s="90">
        <v>2.36</v>
      </c>
      <c r="F20" s="25">
        <v>3680</v>
      </c>
      <c r="G20" s="26">
        <v>5</v>
      </c>
      <c r="H20" s="98">
        <v>3.28</v>
      </c>
      <c r="I20" s="27">
        <v>3990</v>
      </c>
      <c r="J20" s="28">
        <v>4</v>
      </c>
      <c r="K20" s="106">
        <v>8.42</v>
      </c>
      <c r="L20" s="29">
        <v>4211</v>
      </c>
      <c r="M20" s="30">
        <v>4</v>
      </c>
      <c r="N20" s="113">
        <v>5.54</v>
      </c>
      <c r="O20" s="22">
        <v>4347</v>
      </c>
      <c r="P20" s="21">
        <v>4</v>
      </c>
      <c r="Q20" s="120">
        <v>3.23</v>
      </c>
    </row>
    <row r="21" spans="1:17" ht="19.5" customHeight="1" x14ac:dyDescent="0.15">
      <c r="A21" s="19">
        <v>16</v>
      </c>
      <c r="B21" s="20" t="s">
        <v>32</v>
      </c>
      <c r="C21" s="23">
        <v>2780</v>
      </c>
      <c r="D21" s="24">
        <v>15</v>
      </c>
      <c r="E21" s="90">
        <v>6.35</v>
      </c>
      <c r="F21" s="25">
        <v>2747</v>
      </c>
      <c r="G21" s="26">
        <v>16</v>
      </c>
      <c r="H21" s="98">
        <v>-1.19</v>
      </c>
      <c r="I21" s="27">
        <v>3004</v>
      </c>
      <c r="J21" s="28">
        <v>16</v>
      </c>
      <c r="K21" s="106">
        <v>9.36</v>
      </c>
      <c r="L21" s="29">
        <v>3287</v>
      </c>
      <c r="M21" s="30">
        <v>14</v>
      </c>
      <c r="N21" s="113">
        <v>9.42</v>
      </c>
      <c r="O21" s="22">
        <v>3370</v>
      </c>
      <c r="P21" s="21">
        <v>14</v>
      </c>
      <c r="Q21" s="120">
        <v>2.5299999999999998</v>
      </c>
    </row>
    <row r="22" spans="1:17" ht="19.5" customHeight="1" x14ac:dyDescent="0.15">
      <c r="A22" s="19">
        <v>17</v>
      </c>
      <c r="B22" s="20" t="s">
        <v>33</v>
      </c>
      <c r="C22" s="23">
        <v>2038</v>
      </c>
      <c r="D22" s="24">
        <v>27</v>
      </c>
      <c r="E22" s="90">
        <v>1.19</v>
      </c>
      <c r="F22" s="25">
        <v>2093</v>
      </c>
      <c r="G22" s="26">
        <v>27</v>
      </c>
      <c r="H22" s="98">
        <v>2.7</v>
      </c>
      <c r="I22" s="27">
        <v>2193</v>
      </c>
      <c r="J22" s="28">
        <v>29</v>
      </c>
      <c r="K22" s="106">
        <v>4.78</v>
      </c>
      <c r="L22" s="29">
        <v>2280</v>
      </c>
      <c r="M22" s="30">
        <v>30</v>
      </c>
      <c r="N22" s="113">
        <v>3.97</v>
      </c>
      <c r="O22" s="22">
        <v>2419</v>
      </c>
      <c r="P22" s="21">
        <v>29</v>
      </c>
      <c r="Q22" s="120">
        <v>6.1</v>
      </c>
    </row>
    <row r="23" spans="1:17" ht="19.5" customHeight="1" x14ac:dyDescent="0.15">
      <c r="A23" s="19">
        <v>18</v>
      </c>
      <c r="B23" s="20" t="s">
        <v>34</v>
      </c>
      <c r="C23" s="23">
        <v>2744</v>
      </c>
      <c r="D23" s="24">
        <v>16</v>
      </c>
      <c r="E23" s="90">
        <v>3.63</v>
      </c>
      <c r="F23" s="25">
        <v>2683</v>
      </c>
      <c r="G23" s="26">
        <v>17</v>
      </c>
      <c r="H23" s="98">
        <v>-2.2200000000000002</v>
      </c>
      <c r="I23" s="27">
        <v>2348</v>
      </c>
      <c r="J23" s="28">
        <v>27</v>
      </c>
      <c r="K23" s="106">
        <v>-12.49</v>
      </c>
      <c r="L23" s="29">
        <v>2320</v>
      </c>
      <c r="M23" s="30">
        <v>28</v>
      </c>
      <c r="N23" s="113">
        <v>-1.19</v>
      </c>
      <c r="O23" s="22">
        <v>2543</v>
      </c>
      <c r="P23" s="21">
        <v>27</v>
      </c>
      <c r="Q23" s="120">
        <v>9.61</v>
      </c>
    </row>
    <row r="24" spans="1:17" ht="19.5" customHeight="1" thickBot="1" x14ac:dyDescent="0.2">
      <c r="A24" s="31">
        <v>21</v>
      </c>
      <c r="B24" s="32" t="s">
        <v>35</v>
      </c>
      <c r="C24" s="35">
        <v>2256</v>
      </c>
      <c r="D24" s="36">
        <v>20</v>
      </c>
      <c r="E24" s="91">
        <v>6.02</v>
      </c>
      <c r="F24" s="37">
        <v>2429</v>
      </c>
      <c r="G24" s="38">
        <v>21</v>
      </c>
      <c r="H24" s="99">
        <v>7.67</v>
      </c>
      <c r="I24" s="39">
        <v>2565</v>
      </c>
      <c r="J24" s="40">
        <v>22</v>
      </c>
      <c r="K24" s="107">
        <v>5.6</v>
      </c>
      <c r="L24" s="41">
        <v>2722</v>
      </c>
      <c r="M24" s="42">
        <v>20</v>
      </c>
      <c r="N24" s="114">
        <v>6.12</v>
      </c>
      <c r="O24" s="34">
        <v>2877</v>
      </c>
      <c r="P24" s="33">
        <v>22</v>
      </c>
      <c r="Q24" s="121">
        <v>5.69</v>
      </c>
    </row>
    <row r="25" spans="1:17" ht="19.5" customHeight="1" thickTop="1" x14ac:dyDescent="0.15">
      <c r="A25" s="19">
        <v>19</v>
      </c>
      <c r="B25" s="20" t="s">
        <v>36</v>
      </c>
      <c r="C25" s="45">
        <v>2217</v>
      </c>
      <c r="D25" s="46">
        <v>22</v>
      </c>
      <c r="E25" s="92">
        <v>-4.32</v>
      </c>
      <c r="F25" s="47">
        <v>2157</v>
      </c>
      <c r="G25" s="48">
        <v>26</v>
      </c>
      <c r="H25" s="100">
        <v>-2.71</v>
      </c>
      <c r="I25" s="49">
        <v>2377</v>
      </c>
      <c r="J25" s="50">
        <v>25</v>
      </c>
      <c r="K25" s="108">
        <v>10.199999999999999</v>
      </c>
      <c r="L25" s="51">
        <v>2612</v>
      </c>
      <c r="M25" s="52">
        <v>25</v>
      </c>
      <c r="N25" s="115">
        <v>9.89</v>
      </c>
      <c r="O25" s="44">
        <v>2644</v>
      </c>
      <c r="P25" s="43">
        <v>25</v>
      </c>
      <c r="Q25" s="122">
        <v>1.23</v>
      </c>
    </row>
    <row r="26" spans="1:17" ht="19.5" customHeight="1" x14ac:dyDescent="0.15">
      <c r="A26" s="19">
        <v>20</v>
      </c>
      <c r="B26" s="20" t="s">
        <v>37</v>
      </c>
      <c r="C26" s="23">
        <v>2095</v>
      </c>
      <c r="D26" s="24">
        <v>26</v>
      </c>
      <c r="E26" s="90">
        <v>46.91</v>
      </c>
      <c r="F26" s="25">
        <v>2577</v>
      </c>
      <c r="G26" s="26">
        <v>19</v>
      </c>
      <c r="H26" s="98">
        <v>23.01</v>
      </c>
      <c r="I26" s="27">
        <v>2927</v>
      </c>
      <c r="J26" s="28">
        <v>17</v>
      </c>
      <c r="K26" s="106">
        <v>13.58</v>
      </c>
      <c r="L26" s="29">
        <v>3101</v>
      </c>
      <c r="M26" s="30">
        <v>18</v>
      </c>
      <c r="N26" s="113">
        <v>5.94</v>
      </c>
      <c r="O26" s="22">
        <v>3151</v>
      </c>
      <c r="P26" s="21">
        <v>17</v>
      </c>
      <c r="Q26" s="120">
        <v>1.61</v>
      </c>
    </row>
    <row r="27" spans="1:17" ht="19.5" customHeight="1" x14ac:dyDescent="0.15">
      <c r="A27" s="19">
        <v>22</v>
      </c>
      <c r="B27" s="20" t="s">
        <v>38</v>
      </c>
      <c r="C27" s="23">
        <v>1760</v>
      </c>
      <c r="D27" s="24">
        <v>30</v>
      </c>
      <c r="E27" s="90">
        <v>3.65</v>
      </c>
      <c r="F27" s="25">
        <v>1574</v>
      </c>
      <c r="G27" s="26">
        <v>31</v>
      </c>
      <c r="H27" s="98">
        <v>-10.57</v>
      </c>
      <c r="I27" s="27">
        <v>1771</v>
      </c>
      <c r="J27" s="28">
        <v>31</v>
      </c>
      <c r="K27" s="106">
        <v>12.52</v>
      </c>
      <c r="L27" s="29">
        <v>2308</v>
      </c>
      <c r="M27" s="30">
        <v>29</v>
      </c>
      <c r="N27" s="113">
        <v>30.32</v>
      </c>
      <c r="O27" s="22">
        <v>2494</v>
      </c>
      <c r="P27" s="21">
        <v>28</v>
      </c>
      <c r="Q27" s="120">
        <v>8.06</v>
      </c>
    </row>
    <row r="28" spans="1:17" ht="19.5" customHeight="1" x14ac:dyDescent="0.15">
      <c r="A28" s="19">
        <v>23</v>
      </c>
      <c r="B28" s="20" t="s">
        <v>39</v>
      </c>
      <c r="C28" s="23">
        <v>2781</v>
      </c>
      <c r="D28" s="24">
        <v>14</v>
      </c>
      <c r="E28" s="90">
        <v>3.81</v>
      </c>
      <c r="F28" s="25">
        <v>3230</v>
      </c>
      <c r="G28" s="26">
        <v>12</v>
      </c>
      <c r="H28" s="98">
        <v>16.149999999999999</v>
      </c>
      <c r="I28" s="27">
        <v>3320</v>
      </c>
      <c r="J28" s="28">
        <v>12</v>
      </c>
      <c r="K28" s="106">
        <v>2.79</v>
      </c>
      <c r="L28" s="29">
        <v>3580</v>
      </c>
      <c r="M28" s="30">
        <v>8</v>
      </c>
      <c r="N28" s="113">
        <v>7.83</v>
      </c>
      <c r="O28" s="22">
        <v>3478</v>
      </c>
      <c r="P28" s="21">
        <v>11</v>
      </c>
      <c r="Q28" s="120">
        <v>-2.85</v>
      </c>
    </row>
    <row r="29" spans="1:17" ht="19.5" customHeight="1" x14ac:dyDescent="0.15">
      <c r="A29" s="19">
        <v>24</v>
      </c>
      <c r="B29" s="20" t="s">
        <v>40</v>
      </c>
      <c r="C29" s="23">
        <v>3119</v>
      </c>
      <c r="D29" s="24">
        <v>9</v>
      </c>
      <c r="E29" s="90">
        <v>6.82</v>
      </c>
      <c r="F29" s="25">
        <v>3315</v>
      </c>
      <c r="G29" s="26">
        <v>7</v>
      </c>
      <c r="H29" s="98">
        <v>6.28</v>
      </c>
      <c r="I29" s="27">
        <v>3387</v>
      </c>
      <c r="J29" s="28">
        <v>9</v>
      </c>
      <c r="K29" s="106">
        <v>41.95</v>
      </c>
      <c r="L29" s="29">
        <v>3431</v>
      </c>
      <c r="M29" s="30">
        <v>11</v>
      </c>
      <c r="N29" s="113">
        <v>1.3</v>
      </c>
      <c r="O29" s="22">
        <v>3518</v>
      </c>
      <c r="P29" s="21">
        <v>9</v>
      </c>
      <c r="Q29" s="120">
        <v>2.54</v>
      </c>
    </row>
    <row r="30" spans="1:17" ht="19.5" customHeight="1" x14ac:dyDescent="0.15">
      <c r="A30" s="19">
        <v>25</v>
      </c>
      <c r="B30" s="20" t="s">
        <v>41</v>
      </c>
      <c r="C30" s="23">
        <v>2232</v>
      </c>
      <c r="D30" s="24">
        <v>21</v>
      </c>
      <c r="E30" s="90">
        <v>8.09</v>
      </c>
      <c r="F30" s="25">
        <v>2251</v>
      </c>
      <c r="G30" s="26">
        <v>24</v>
      </c>
      <c r="H30" s="98">
        <v>0.85</v>
      </c>
      <c r="I30" s="27">
        <v>2509</v>
      </c>
      <c r="J30" s="28">
        <v>24</v>
      </c>
      <c r="K30" s="106">
        <v>11.46</v>
      </c>
      <c r="L30" s="29">
        <v>2694</v>
      </c>
      <c r="M30" s="30">
        <v>21</v>
      </c>
      <c r="N30" s="113">
        <v>7.37</v>
      </c>
      <c r="O30" s="22">
        <v>2398</v>
      </c>
      <c r="P30" s="21">
        <v>30</v>
      </c>
      <c r="Q30" s="120">
        <v>-10.99</v>
      </c>
    </row>
    <row r="31" spans="1:17" ht="19.5" customHeight="1" x14ac:dyDescent="0.15">
      <c r="A31" s="19">
        <v>26</v>
      </c>
      <c r="B31" s="20" t="s">
        <v>42</v>
      </c>
      <c r="C31" s="23">
        <v>1431</v>
      </c>
      <c r="D31" s="24">
        <v>32</v>
      </c>
      <c r="E31" s="90">
        <v>-7.2</v>
      </c>
      <c r="F31" s="25">
        <v>1467</v>
      </c>
      <c r="G31" s="26">
        <v>32</v>
      </c>
      <c r="H31" s="98">
        <v>2.52</v>
      </c>
      <c r="I31" s="27">
        <v>1552</v>
      </c>
      <c r="J31" s="28">
        <v>32</v>
      </c>
      <c r="K31" s="106">
        <v>5.79</v>
      </c>
      <c r="L31" s="29">
        <v>1846</v>
      </c>
      <c r="M31" s="30">
        <v>32</v>
      </c>
      <c r="N31" s="113">
        <v>18.940000000000001</v>
      </c>
      <c r="O31" s="22">
        <v>1869</v>
      </c>
      <c r="P31" s="21">
        <v>32</v>
      </c>
      <c r="Q31" s="120">
        <v>1.25</v>
      </c>
    </row>
    <row r="32" spans="1:17" ht="19.5" customHeight="1" x14ac:dyDescent="0.15">
      <c r="A32" s="19">
        <v>27</v>
      </c>
      <c r="B32" s="20" t="s">
        <v>43</v>
      </c>
      <c r="C32" s="23">
        <v>3043</v>
      </c>
      <c r="D32" s="24">
        <v>11</v>
      </c>
      <c r="E32" s="90">
        <v>-1.27</v>
      </c>
      <c r="F32" s="25">
        <v>3285</v>
      </c>
      <c r="G32" s="26">
        <v>9</v>
      </c>
      <c r="H32" s="98">
        <v>7.95</v>
      </c>
      <c r="I32" s="27">
        <v>3455</v>
      </c>
      <c r="J32" s="28">
        <v>8</v>
      </c>
      <c r="K32" s="106">
        <v>5.18</v>
      </c>
      <c r="L32" s="29">
        <v>3876</v>
      </c>
      <c r="M32" s="30">
        <v>7</v>
      </c>
      <c r="N32" s="113">
        <v>12.19</v>
      </c>
      <c r="O32" s="22">
        <v>4203</v>
      </c>
      <c r="P32" s="21">
        <v>5</v>
      </c>
      <c r="Q32" s="120">
        <v>8.44</v>
      </c>
    </row>
    <row r="33" spans="1:17" ht="19.5" customHeight="1" x14ac:dyDescent="0.15">
      <c r="A33" s="19">
        <v>28</v>
      </c>
      <c r="B33" s="20" t="s">
        <v>44</v>
      </c>
      <c r="C33" s="23">
        <v>3602</v>
      </c>
      <c r="D33" s="24">
        <v>4</v>
      </c>
      <c r="E33" s="90">
        <v>7.11</v>
      </c>
      <c r="F33" s="25">
        <v>3758</v>
      </c>
      <c r="G33" s="26">
        <v>4</v>
      </c>
      <c r="H33" s="98">
        <v>4.33</v>
      </c>
      <c r="I33" s="27">
        <v>3763</v>
      </c>
      <c r="J33" s="28">
        <v>5</v>
      </c>
      <c r="K33" s="106">
        <v>0.13</v>
      </c>
      <c r="L33" s="29">
        <v>4035</v>
      </c>
      <c r="M33" s="30">
        <v>5</v>
      </c>
      <c r="N33" s="113">
        <v>7.23</v>
      </c>
      <c r="O33" s="22">
        <v>4149</v>
      </c>
      <c r="P33" s="21">
        <v>6</v>
      </c>
      <c r="Q33" s="120">
        <v>2.83</v>
      </c>
    </row>
    <row r="34" spans="1:17" ht="19.5" customHeight="1" x14ac:dyDescent="0.15">
      <c r="A34" s="19">
        <v>29</v>
      </c>
      <c r="B34" s="20" t="s">
        <v>45</v>
      </c>
      <c r="C34" s="53">
        <v>3347</v>
      </c>
      <c r="D34" s="54">
        <v>6</v>
      </c>
      <c r="E34" s="93">
        <v>9.09</v>
      </c>
      <c r="F34" s="55">
        <v>3295</v>
      </c>
      <c r="G34" s="56">
        <v>8</v>
      </c>
      <c r="H34" s="101">
        <v>-1.55</v>
      </c>
      <c r="I34" s="27">
        <v>3264</v>
      </c>
      <c r="J34" s="28">
        <v>13</v>
      </c>
      <c r="K34" s="106">
        <v>-0.94</v>
      </c>
      <c r="L34" s="29">
        <v>3478</v>
      </c>
      <c r="M34" s="30">
        <v>10</v>
      </c>
      <c r="N34" s="113">
        <v>6.56</v>
      </c>
      <c r="O34" s="22">
        <v>3515</v>
      </c>
      <c r="P34" s="21">
        <v>10</v>
      </c>
      <c r="Q34" s="120">
        <v>1.06</v>
      </c>
    </row>
    <row r="35" spans="1:17" ht="19.5" customHeight="1" x14ac:dyDescent="0.15">
      <c r="A35" s="19">
        <v>30</v>
      </c>
      <c r="B35" s="20" t="s">
        <v>47</v>
      </c>
      <c r="C35" s="23">
        <v>2468</v>
      </c>
      <c r="D35" s="24">
        <v>19</v>
      </c>
      <c r="E35" s="90">
        <v>8.8699999999999992</v>
      </c>
      <c r="F35" s="25">
        <v>2553</v>
      </c>
      <c r="G35" s="26">
        <v>20</v>
      </c>
      <c r="H35" s="98">
        <v>3.44</v>
      </c>
      <c r="I35" s="27">
        <v>2645</v>
      </c>
      <c r="J35" s="28">
        <v>21</v>
      </c>
      <c r="K35" s="106">
        <v>3.6</v>
      </c>
      <c r="L35" s="29">
        <v>2651</v>
      </c>
      <c r="M35" s="30">
        <v>23</v>
      </c>
      <c r="N35" s="113">
        <v>0.23</v>
      </c>
      <c r="O35" s="22">
        <v>2755</v>
      </c>
      <c r="P35" s="21">
        <v>24</v>
      </c>
      <c r="Q35" s="120">
        <v>3.92</v>
      </c>
    </row>
    <row r="36" spans="1:17" ht="19.5" customHeight="1" x14ac:dyDescent="0.15">
      <c r="A36" s="19">
        <v>31</v>
      </c>
      <c r="B36" s="20" t="s">
        <v>48</v>
      </c>
      <c r="C36" s="23">
        <v>1885</v>
      </c>
      <c r="D36" s="24">
        <v>28</v>
      </c>
      <c r="E36" s="90">
        <v>1.62</v>
      </c>
      <c r="F36" s="25">
        <v>2180</v>
      </c>
      <c r="G36" s="26">
        <v>25</v>
      </c>
      <c r="H36" s="98">
        <v>15.65</v>
      </c>
      <c r="I36" s="27">
        <v>2512</v>
      </c>
      <c r="J36" s="28">
        <v>23</v>
      </c>
      <c r="K36" s="106">
        <v>15.23</v>
      </c>
      <c r="L36" s="29">
        <v>2584</v>
      </c>
      <c r="M36" s="30">
        <v>26</v>
      </c>
      <c r="N36" s="113">
        <v>2.87</v>
      </c>
      <c r="O36" s="22">
        <v>3016</v>
      </c>
      <c r="P36" s="21">
        <v>19</v>
      </c>
      <c r="Q36" s="120">
        <v>16.72</v>
      </c>
    </row>
    <row r="37" spans="1:17" ht="19.5" customHeight="1" x14ac:dyDescent="0.15">
      <c r="A37" s="19">
        <v>32</v>
      </c>
      <c r="B37" s="20" t="s">
        <v>49</v>
      </c>
      <c r="C37" s="23">
        <v>4106</v>
      </c>
      <c r="D37" s="24">
        <v>2</v>
      </c>
      <c r="E37" s="90">
        <v>2.96</v>
      </c>
      <c r="F37" s="25">
        <v>4122</v>
      </c>
      <c r="G37" s="26">
        <v>3</v>
      </c>
      <c r="H37" s="98">
        <v>0.39</v>
      </c>
      <c r="I37" s="27">
        <v>4455</v>
      </c>
      <c r="J37" s="28">
        <v>3</v>
      </c>
      <c r="K37" s="106">
        <v>8.08</v>
      </c>
      <c r="L37" s="29">
        <v>4583</v>
      </c>
      <c r="M37" s="30">
        <v>2</v>
      </c>
      <c r="N37" s="113">
        <v>2.87</v>
      </c>
      <c r="O37" s="22">
        <v>4731</v>
      </c>
      <c r="P37" s="21">
        <v>2</v>
      </c>
      <c r="Q37" s="120">
        <v>3.23</v>
      </c>
    </row>
    <row r="38" spans="1:17" ht="19.5" customHeight="1" thickBot="1" x14ac:dyDescent="0.2">
      <c r="A38" s="31">
        <v>33</v>
      </c>
      <c r="B38" s="32" t="s">
        <v>50</v>
      </c>
      <c r="C38" s="35">
        <v>5033</v>
      </c>
      <c r="D38" s="36">
        <v>1</v>
      </c>
      <c r="E38" s="91">
        <v>30.86</v>
      </c>
      <c r="F38" s="37">
        <v>5140</v>
      </c>
      <c r="G38" s="38">
        <v>1</v>
      </c>
      <c r="H38" s="99">
        <v>2.13</v>
      </c>
      <c r="I38" s="57">
        <v>5090</v>
      </c>
      <c r="J38" s="40">
        <v>1</v>
      </c>
      <c r="K38" s="107">
        <v>-0.97</v>
      </c>
      <c r="L38" s="41">
        <v>5330</v>
      </c>
      <c r="M38" s="42">
        <v>1</v>
      </c>
      <c r="N38" s="114">
        <v>4.72</v>
      </c>
      <c r="O38" s="34">
        <v>5428</v>
      </c>
      <c r="P38" s="33">
        <v>1</v>
      </c>
      <c r="Q38" s="121">
        <v>1.84</v>
      </c>
    </row>
    <row r="39" spans="1:17" ht="19.5" customHeight="1" thickTop="1" x14ac:dyDescent="0.15">
      <c r="A39" s="19">
        <v>301</v>
      </c>
      <c r="B39" s="20" t="s">
        <v>52</v>
      </c>
      <c r="C39" s="45">
        <v>8171</v>
      </c>
      <c r="D39" s="46">
        <v>4</v>
      </c>
      <c r="E39" s="92">
        <v>0.78</v>
      </c>
      <c r="F39" s="25">
        <v>8604</v>
      </c>
      <c r="G39" s="48">
        <v>3</v>
      </c>
      <c r="H39" s="100">
        <v>5.3</v>
      </c>
      <c r="I39" s="49">
        <v>9033</v>
      </c>
      <c r="J39" s="50">
        <v>3</v>
      </c>
      <c r="K39" s="108">
        <v>4.99</v>
      </c>
      <c r="L39" s="51">
        <v>9824</v>
      </c>
      <c r="M39" s="52">
        <v>3</v>
      </c>
      <c r="N39" s="115">
        <v>8.76</v>
      </c>
      <c r="O39" s="44">
        <v>10279</v>
      </c>
      <c r="P39" s="43">
        <v>3</v>
      </c>
      <c r="Q39" s="122">
        <v>4.63</v>
      </c>
    </row>
    <row r="40" spans="1:17" ht="19.5" customHeight="1" x14ac:dyDescent="0.15">
      <c r="A40" s="19">
        <v>302</v>
      </c>
      <c r="B40" s="20" t="s">
        <v>53</v>
      </c>
      <c r="C40" s="23">
        <v>9017</v>
      </c>
      <c r="D40" s="24">
        <v>2</v>
      </c>
      <c r="E40" s="90">
        <v>-1.78</v>
      </c>
      <c r="F40" s="25">
        <v>9668</v>
      </c>
      <c r="G40" s="26">
        <v>2</v>
      </c>
      <c r="H40" s="98">
        <v>7.22</v>
      </c>
      <c r="I40" s="27">
        <v>10130</v>
      </c>
      <c r="J40" s="28">
        <v>1</v>
      </c>
      <c r="K40" s="108">
        <v>4.78</v>
      </c>
      <c r="L40" s="51">
        <v>10386</v>
      </c>
      <c r="M40" s="52">
        <v>1</v>
      </c>
      <c r="N40" s="115">
        <v>2.5299999999999998</v>
      </c>
      <c r="O40" s="22">
        <v>10926</v>
      </c>
      <c r="P40" s="21">
        <v>1</v>
      </c>
      <c r="Q40" s="122">
        <v>5.2</v>
      </c>
    </row>
    <row r="41" spans="1:17" ht="19.5" customHeight="1" x14ac:dyDescent="0.15">
      <c r="A41" s="19">
        <v>303</v>
      </c>
      <c r="B41" s="20" t="s">
        <v>54</v>
      </c>
      <c r="C41" s="23">
        <v>3194</v>
      </c>
      <c r="D41" s="24">
        <v>6</v>
      </c>
      <c r="E41" s="90">
        <v>-1.42</v>
      </c>
      <c r="F41" s="25">
        <v>3231</v>
      </c>
      <c r="G41" s="26">
        <v>6</v>
      </c>
      <c r="H41" s="98">
        <v>1.1599999999999999</v>
      </c>
      <c r="I41" s="27">
        <v>3327</v>
      </c>
      <c r="J41" s="28">
        <v>6</v>
      </c>
      <c r="K41" s="108">
        <v>2.97</v>
      </c>
      <c r="L41" s="51">
        <v>3799</v>
      </c>
      <c r="M41" s="52">
        <v>6</v>
      </c>
      <c r="N41" s="115">
        <v>14.19</v>
      </c>
      <c r="O41" s="22">
        <v>3848</v>
      </c>
      <c r="P41" s="21">
        <v>6</v>
      </c>
      <c r="Q41" s="122">
        <v>1.29</v>
      </c>
    </row>
    <row r="42" spans="1:17" ht="19.5" customHeight="1" x14ac:dyDescent="0.15">
      <c r="A42" s="19">
        <v>304</v>
      </c>
      <c r="B42" s="20" t="s">
        <v>55</v>
      </c>
      <c r="C42" s="23">
        <v>8665</v>
      </c>
      <c r="D42" s="24">
        <v>3</v>
      </c>
      <c r="E42" s="90">
        <v>-5.94</v>
      </c>
      <c r="F42" s="25">
        <v>7925</v>
      </c>
      <c r="G42" s="26">
        <v>4</v>
      </c>
      <c r="H42" s="98">
        <v>-8.5399999999999991</v>
      </c>
      <c r="I42" s="27">
        <v>8127</v>
      </c>
      <c r="J42" s="28">
        <v>4</v>
      </c>
      <c r="K42" s="108">
        <v>2.5499999999999998</v>
      </c>
      <c r="L42" s="51">
        <v>8829</v>
      </c>
      <c r="M42" s="52">
        <v>4</v>
      </c>
      <c r="N42" s="115">
        <v>8.64</v>
      </c>
      <c r="O42" s="22">
        <v>9594</v>
      </c>
      <c r="P42" s="21">
        <v>4</v>
      </c>
      <c r="Q42" s="122">
        <v>8.66</v>
      </c>
    </row>
    <row r="43" spans="1:17" ht="19.5" customHeight="1" x14ac:dyDescent="0.15">
      <c r="A43" s="19">
        <v>305</v>
      </c>
      <c r="B43" s="20" t="s">
        <v>56</v>
      </c>
      <c r="C43" s="23">
        <v>11847</v>
      </c>
      <c r="D43" s="24">
        <v>1</v>
      </c>
      <c r="E43" s="90">
        <v>6.46</v>
      </c>
      <c r="F43" s="25">
        <v>10308</v>
      </c>
      <c r="G43" s="26">
        <v>1</v>
      </c>
      <c r="H43" s="98">
        <v>-12.99</v>
      </c>
      <c r="I43" s="27">
        <v>9739</v>
      </c>
      <c r="J43" s="28">
        <v>2</v>
      </c>
      <c r="K43" s="108">
        <v>-5.52</v>
      </c>
      <c r="L43" s="51">
        <v>10336</v>
      </c>
      <c r="M43" s="52">
        <v>2</v>
      </c>
      <c r="N43" s="115">
        <v>6.13</v>
      </c>
      <c r="O43" s="22">
        <v>10578</v>
      </c>
      <c r="P43" s="21">
        <v>2</v>
      </c>
      <c r="Q43" s="122">
        <v>2.34</v>
      </c>
    </row>
    <row r="44" spans="1:17" ht="19.5" customHeight="1" thickBot="1" x14ac:dyDescent="0.2">
      <c r="A44" s="31">
        <v>306</v>
      </c>
      <c r="B44" s="32" t="s">
        <v>57</v>
      </c>
      <c r="C44" s="58">
        <v>5730</v>
      </c>
      <c r="D44" s="36">
        <v>5</v>
      </c>
      <c r="E44" s="94">
        <v>0.95</v>
      </c>
      <c r="F44" s="37">
        <v>5846</v>
      </c>
      <c r="G44" s="59">
        <v>5</v>
      </c>
      <c r="H44" s="102">
        <v>2.02</v>
      </c>
      <c r="I44" s="57">
        <v>5890</v>
      </c>
      <c r="J44" s="40">
        <v>5</v>
      </c>
      <c r="K44" s="109">
        <v>0.75</v>
      </c>
      <c r="L44" s="60">
        <v>6395</v>
      </c>
      <c r="M44" s="61">
        <v>5</v>
      </c>
      <c r="N44" s="116">
        <v>8.57</v>
      </c>
      <c r="O44" s="34">
        <v>6595</v>
      </c>
      <c r="P44" s="33">
        <v>5</v>
      </c>
      <c r="Q44" s="123">
        <v>3.13</v>
      </c>
    </row>
    <row r="45" spans="1:17" ht="19.5" customHeight="1" thickTop="1" thickBot="1" x14ac:dyDescent="0.2">
      <c r="A45" s="133" t="s">
        <v>58</v>
      </c>
      <c r="B45" s="134"/>
      <c r="C45" s="64">
        <v>2030</v>
      </c>
      <c r="D45" s="65" t="s">
        <v>46</v>
      </c>
      <c r="E45" s="95">
        <v>7.46</v>
      </c>
      <c r="F45" s="66">
        <v>2107</v>
      </c>
      <c r="G45" s="67" t="s">
        <v>51</v>
      </c>
      <c r="H45" s="103">
        <v>3.79</v>
      </c>
      <c r="I45" s="68">
        <v>2283</v>
      </c>
      <c r="J45" s="69" t="s">
        <v>46</v>
      </c>
      <c r="K45" s="110">
        <v>8.35</v>
      </c>
      <c r="L45" s="70">
        <v>2429</v>
      </c>
      <c r="M45" s="71" t="s">
        <v>51</v>
      </c>
      <c r="N45" s="117">
        <v>6.4</v>
      </c>
      <c r="O45" s="63">
        <v>2471</v>
      </c>
      <c r="P45" s="62" t="s">
        <v>46</v>
      </c>
      <c r="Q45" s="124">
        <v>1.73</v>
      </c>
    </row>
    <row r="46" spans="1:17" ht="19.5" customHeight="1" thickTop="1" thickBot="1" x14ac:dyDescent="0.2">
      <c r="A46" s="133" t="s">
        <v>59</v>
      </c>
      <c r="B46" s="134"/>
      <c r="C46" s="73">
        <v>6436</v>
      </c>
      <c r="D46" s="74" t="s">
        <v>46</v>
      </c>
      <c r="E46" s="96">
        <v>0.8</v>
      </c>
      <c r="F46" s="66">
        <v>6489</v>
      </c>
      <c r="G46" s="75" t="s">
        <v>46</v>
      </c>
      <c r="H46" s="104">
        <v>0.82</v>
      </c>
      <c r="I46" s="76">
        <v>6591</v>
      </c>
      <c r="J46" s="69" t="s">
        <v>46</v>
      </c>
      <c r="K46" s="111">
        <v>1.57</v>
      </c>
      <c r="L46" s="77">
        <v>7130</v>
      </c>
      <c r="M46" s="78" t="s">
        <v>51</v>
      </c>
      <c r="N46" s="118">
        <v>8.18</v>
      </c>
      <c r="O46" s="72">
        <v>7424</v>
      </c>
      <c r="P46" s="62" t="s">
        <v>46</v>
      </c>
      <c r="Q46" s="125">
        <v>4.12</v>
      </c>
    </row>
    <row r="47" spans="1:17" ht="19.5" customHeight="1" thickTop="1" thickBot="1" x14ac:dyDescent="0.2">
      <c r="A47" s="135" t="s">
        <v>60</v>
      </c>
      <c r="B47" s="136"/>
      <c r="C47" s="81">
        <v>2315</v>
      </c>
      <c r="D47" s="82" t="s">
        <v>46</v>
      </c>
      <c r="E47" s="97">
        <v>6</v>
      </c>
      <c r="F47" s="83">
        <v>2391</v>
      </c>
      <c r="G47" s="84" t="s">
        <v>46</v>
      </c>
      <c r="H47" s="105">
        <v>3.28</v>
      </c>
      <c r="I47" s="85">
        <v>2562</v>
      </c>
      <c r="J47" s="86" t="s">
        <v>46</v>
      </c>
      <c r="K47" s="112">
        <v>7.15</v>
      </c>
      <c r="L47" s="87">
        <v>2727</v>
      </c>
      <c r="M47" s="88" t="s">
        <v>51</v>
      </c>
      <c r="N47" s="119">
        <v>6.44</v>
      </c>
      <c r="O47" s="80">
        <v>2784</v>
      </c>
      <c r="P47" s="79" t="s">
        <v>46</v>
      </c>
      <c r="Q47" s="126">
        <v>2.09</v>
      </c>
    </row>
    <row r="48" spans="1:17" ht="13.5" customHeight="1" x14ac:dyDescent="0.15">
      <c r="A48" s="127"/>
      <c r="B48" s="127"/>
      <c r="C48" s="127"/>
      <c r="D48" s="127"/>
      <c r="E48" s="127"/>
      <c r="F48" s="127"/>
      <c r="G48" s="127"/>
      <c r="H48" s="127"/>
      <c r="I48" s="127"/>
      <c r="J48" s="127"/>
      <c r="K48" s="127"/>
      <c r="L48" s="127"/>
      <c r="M48" s="127"/>
      <c r="N48" s="127"/>
      <c r="O48" s="127"/>
      <c r="P48" s="127"/>
      <c r="Q48" s="127"/>
    </row>
  </sheetData>
  <mergeCells count="10">
    <mergeCell ref="A48:Q48"/>
    <mergeCell ref="L3:N3"/>
    <mergeCell ref="O3:Q3"/>
    <mergeCell ref="A45:B45"/>
    <mergeCell ref="A46:B46"/>
    <mergeCell ref="A47:B47"/>
    <mergeCell ref="C3:E3"/>
    <mergeCell ref="F3:H3"/>
    <mergeCell ref="I3:K3"/>
    <mergeCell ref="A3:B5"/>
  </mergeCells>
  <phoneticPr fontId="3"/>
  <printOptions horizontalCentered="1" gridLinesSet="0"/>
  <pageMargins left="0.7" right="0.7" top="0.75" bottom="0.75" header="0.3" footer="0.3"/>
  <pageSetup paperSize="9" scale="8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保健事業</vt:lpstr>
      <vt:lpstr>保健事業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4:32:07Z</cp:lastPrinted>
  <dcterms:created xsi:type="dcterms:W3CDTF">2018-03-07T23:28:03Z</dcterms:created>
  <dcterms:modified xsi:type="dcterms:W3CDTF">2018-03-09T04:32:24Z</dcterms:modified>
</cp:coreProperties>
</file>